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72" r:id="rId3"/>
  </p:sldMasterIdLst>
  <p:notesMasterIdLst>
    <p:notesMasterId r:id="rId12"/>
  </p:notesMasterIdLst>
  <p:sldIdLst>
    <p:sldId id="256" r:id="rId4"/>
    <p:sldId id="271" r:id="rId5"/>
    <p:sldId id="257" r:id="rId6"/>
    <p:sldId id="259" r:id="rId7"/>
    <p:sldId id="274" r:id="rId8"/>
    <p:sldId id="272" r:id="rId9"/>
    <p:sldId id="275" r:id="rId10"/>
    <p:sldId id="276" r:id="rId11"/>
  </p:sldIdLst>
  <p:sldSz cx="9144000" cy="5143500" type="screen16x9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46F2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95"/>
    <p:restoredTop sz="94749"/>
  </p:normalViewPr>
  <p:slideViewPr>
    <p:cSldViewPr>
      <p:cViewPr varScale="1">
        <p:scale>
          <a:sx n="148" d="100"/>
          <a:sy n="148" d="100"/>
        </p:scale>
        <p:origin x="800" y="176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theme" Target="theme/theme1.xml"/><Relationship Id="rId10" Type="http://schemas.openxmlformats.org/officeDocument/2006/relationships/slide" Target="slides/slide7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E4E3F90-CBFF-5744-8038-10B5D84165C3}" type="datetimeFigureOut">
              <a:rPr lang="en-US" smtClean="0"/>
              <a:t>3/19/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A6CE60D-A864-BD4A-AD47-8FEAB1FE153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083438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A6CE60D-A864-BD4A-AD47-8FEAB1FE1531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2783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A6CE60D-A864-BD4A-AD47-8FEAB1FE1531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03684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A6CE60D-A864-BD4A-AD47-8FEAB1FE1531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310692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23464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3506782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4781"/>
            <a:ext cx="2057400" cy="329088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4781"/>
            <a:ext cx="6019800" cy="329088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27906050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8613"/>
            <a:ext cx="7772400" cy="11017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1284690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63026842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5"/>
            <a:ext cx="7772400" cy="102235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79638"/>
            <a:ext cx="7772400" cy="112553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40434903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99508809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0938"/>
            <a:ext cx="4040188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950"/>
            <a:ext cx="4040188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150938"/>
            <a:ext cx="4041775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1631950"/>
            <a:ext cx="4041775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8409032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64489531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26252535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4788"/>
            <a:ext cx="3008313" cy="871537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437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076325"/>
            <a:ext cx="3008313" cy="35179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2740066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14567355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4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60375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900"/>
            <a:ext cx="5486400" cy="60325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837024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73766176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6375"/>
            <a:ext cx="2057400" cy="438785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6375"/>
            <a:ext cx="6019800" cy="438785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46868236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8613"/>
            <a:ext cx="7772400" cy="11017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5883389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36728811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5"/>
            <a:ext cx="7772400" cy="1022350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79638"/>
            <a:ext cx="7772400" cy="112553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38279737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0"/>
            <a:ext cx="40386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66025833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0938"/>
            <a:ext cx="4040188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950"/>
            <a:ext cx="4040188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150938"/>
            <a:ext cx="4041775" cy="4810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1631950"/>
            <a:ext cx="4041775" cy="2962275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12989373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23144488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4767263"/>
            <a:ext cx="2133600" cy="274637"/>
          </a:xfrm>
        </p:spPr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64695214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93811727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4788"/>
            <a:ext cx="3008313" cy="871537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437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076325"/>
            <a:ext cx="3008313" cy="35179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83336518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4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60375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900"/>
            <a:ext cx="5486400" cy="60325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19790462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45811454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6375"/>
            <a:ext cx="2057400" cy="438785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6375"/>
            <a:ext cx="6019800" cy="438785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6055587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900113"/>
            <a:ext cx="4038600" cy="2545556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8168548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38918662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1839053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2771596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25287235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s-P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P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0293136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2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image" Target="../media/image3.jpeg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D32E727-C230-4B72-B625-0951B336CDA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395976-79EE-48EA-A266-FB059AF8D08A}" type="slidenum">
              <a:rPr lang="es-PR" smtClean="0"/>
              <a:t>‹#›</a:t>
            </a:fld>
            <a:endParaRPr lang="es-PR"/>
          </a:p>
        </p:txBody>
      </p:sp>
      <p:pic>
        <p:nvPicPr>
          <p:cNvPr id="7" name="Picture 2" descr="C:\Users\pmendezcaban\Desktop\Slides-BlackStart-CNE20 - 3-01.jpg"/>
          <p:cNvPicPr>
            <a:picLocks noChangeAspect="1" noChangeArrowheads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51482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565957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pmendezcaban\Desktop\Slides-BlackStart-CNE20 - 3-02.jpg"/>
          <p:cNvPicPr>
            <a:picLocks noChangeAspect="1" noChangeArrowheads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4763"/>
            <a:ext cx="9144000" cy="51482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0"/>
            <a:ext cx="8229600" cy="33940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B3AFFFB-BD06-4992-A7F6-CD135DF5214A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5A99CD-D139-4983-AE33-E62818FA78E7}" type="slidenum">
              <a:rPr lang="es-PR" smtClean="0"/>
              <a:t>‹#›</a:t>
            </a:fld>
            <a:endParaRPr lang="es-PR"/>
          </a:p>
        </p:txBody>
      </p:sp>
    </p:spTree>
    <p:extLst>
      <p:ext uri="{BB962C8B-B14F-4D97-AF65-F5344CB8AC3E}">
        <p14:creationId xmlns:p14="http://schemas.microsoft.com/office/powerpoint/2010/main" val="15827202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6375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s-P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0"/>
            <a:ext cx="8229600" cy="33940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P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DF0DDE9-C7F6-4B09-86EA-C7A210B862F7}" type="datetimeFigureOut">
              <a:rPr lang="es-PR" smtClean="0"/>
              <a:t>03/19/19</a:t>
            </a:fld>
            <a:endParaRPr lang="es-P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P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463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4D6594-364E-48DF-A913-28A265952C04}" type="slidenum">
              <a:rPr lang="es-PR" smtClean="0"/>
              <a:t>‹#›</a:t>
            </a:fld>
            <a:endParaRPr lang="es-PR"/>
          </a:p>
        </p:txBody>
      </p:sp>
      <p:pic>
        <p:nvPicPr>
          <p:cNvPr id="2050" name="Picture 2" descr="C:\Users\pmendezcaban\Desktop\Slides-BlackStart-CNE20 - 3-03.jpg"/>
          <p:cNvPicPr>
            <a:picLocks noChangeAspect="1" noChangeArrowheads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4764"/>
            <a:ext cx="9144000" cy="51482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862295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28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tiff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2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29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13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54CA330C-FED2-174D-B082-9B06977330CF}"/>
              </a:ext>
            </a:extLst>
          </p:cNvPr>
          <p:cNvSpPr txBox="1"/>
          <p:nvPr/>
        </p:nvSpPr>
        <p:spPr>
          <a:xfrm>
            <a:off x="3200400" y="3333750"/>
            <a:ext cx="4648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ohn Farrell</a:t>
            </a:r>
          </a:p>
          <a:p>
            <a:r>
              <a:rPr lang="en-US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rector</a:t>
            </a:r>
          </a:p>
          <a:p>
            <a:r>
              <a:rPr lang="en-US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ergy Democracy Initiative of the Institute for Local Self-Reliance</a:t>
            </a:r>
          </a:p>
        </p:txBody>
      </p:sp>
    </p:spTree>
    <p:extLst>
      <p:ext uri="{BB962C8B-B14F-4D97-AF65-F5344CB8AC3E}">
        <p14:creationId xmlns:p14="http://schemas.microsoft.com/office/powerpoint/2010/main" val="17253803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13" name="OTLSHAPE_M_ec5e68d2461e44b1a67a2fae5dcbaa0f_Connector2"/>
          <p:cNvCxnSpPr/>
          <p:nvPr>
            <p:custDataLst>
              <p:tags r:id="rId2"/>
            </p:custDataLst>
          </p:nvPr>
        </p:nvCxnSpPr>
        <p:spPr>
          <a:xfrm>
            <a:off x="4883661" y="3049524"/>
            <a:ext cx="0" cy="569976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2" name="OTLSHAPE_M_ec5e68d2461e44b1a67a2fae5dcbaa0f_Connector1"/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4883661" y="895350"/>
            <a:ext cx="0" cy="2229157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7" name="OTLSHAPE_M_474d297198d5425c9487e9abdc401d8d_Connector1"/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1125996" y="2847508"/>
            <a:ext cx="0" cy="771992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6" name="OTLSHAPE_TB_00000000000000000000000000000000_ElapsedTimeExtension"/>
          <p:cNvSpPr/>
          <p:nvPr>
            <p:custDataLst>
              <p:tags r:id="rId5"/>
            </p:custDataLst>
          </p:nvPr>
        </p:nvSpPr>
        <p:spPr>
          <a:xfrm>
            <a:off x="609600" y="1808164"/>
            <a:ext cx="0" cy="1830386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992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43679" y="3700634"/>
            <a:ext cx="265458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50" b="1" spc="-20" dirty="0">
                <a:solidFill>
                  <a:schemeClr val="dk2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1993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8736296" y="3700634"/>
            <a:ext cx="265458" cy="16158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50" b="1" spc="-20" dirty="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994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609600" y="3638550"/>
            <a:ext cx="8039100" cy="285750"/>
          </a:xfrm>
          <a:prstGeom prst="rect">
            <a:avLst/>
          </a:prstGeom>
          <a:gradFill flip="none" rotWithShape="1">
            <a:gsLst>
              <a:gs pos="0">
                <a:srgbClr val="F46F2B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46F2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995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997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515312" y="3114675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998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549730" y="3209926"/>
            <a:ext cx="285335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003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678586" y="3711655"/>
            <a:ext cx="137105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2004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649277" y="3667125"/>
            <a:ext cx="235642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b="1" spc="-15" dirty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021" name="OTLSHAPE_M_474d297198d5425c9487e9abdc401d8d_Title"/>
          <p:cNvSpPr txBox="1"/>
          <p:nvPr>
            <p:custDataLst>
              <p:tags r:id="rId14"/>
            </p:custDataLst>
          </p:nvPr>
        </p:nvSpPr>
        <p:spPr>
          <a:xfrm>
            <a:off x="453355" y="1739513"/>
            <a:ext cx="2903001" cy="12311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600" spc="-5" dirty="0">
                <a:solidFill>
                  <a:schemeClr val="dk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ast federally appointed governor gives free electricity to municipalities; costing each customer $123 in 2016</a:t>
            </a:r>
          </a:p>
        </p:txBody>
      </p:sp>
      <p:sp>
        <p:nvSpPr>
          <p:cNvPr id="2023" name="OTLSHAPE_M_474d297198d5425c9487e9abdc401d8d_Shape"/>
          <p:cNvSpPr/>
          <p:nvPr>
            <p:custDataLst>
              <p:tags r:id="rId15"/>
            </p:custDataLst>
          </p:nvPr>
        </p:nvSpPr>
        <p:spPr>
          <a:xfrm>
            <a:off x="1068846" y="3552825"/>
            <a:ext cx="114300" cy="13335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tx1"/>
              </a:solidFill>
            </a:endParaRPr>
          </a:p>
        </p:txBody>
      </p:sp>
      <p:sp>
        <p:nvSpPr>
          <p:cNvPr id="2038" name="OTLSHAPE_M_ec5e68d2461e44b1a67a2fae5dcbaa0f_Shape"/>
          <p:cNvSpPr/>
          <p:nvPr>
            <p:custDataLst>
              <p:tags r:id="rId16"/>
            </p:custDataLst>
          </p:nvPr>
        </p:nvSpPr>
        <p:spPr>
          <a:xfrm>
            <a:off x="4826511" y="3552825"/>
            <a:ext cx="114300" cy="13335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2045" name="OTLSHAPE_M_0428eb3156d8464293f28b8bf90721dc_Title"/>
          <p:cNvSpPr txBox="1"/>
          <p:nvPr>
            <p:custDataLst>
              <p:tags r:id="rId17"/>
            </p:custDataLst>
          </p:nvPr>
        </p:nvSpPr>
        <p:spPr>
          <a:xfrm>
            <a:off x="5782704" y="1948378"/>
            <a:ext cx="1989696" cy="9848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600" spc="-5" dirty="0">
                <a:solidFill>
                  <a:schemeClr val="dk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“Semi-colonial” PROMESA board strips local financial control</a:t>
            </a:r>
          </a:p>
        </p:txBody>
      </p:sp>
      <p:sp>
        <p:nvSpPr>
          <p:cNvPr id="2047" name="OTLSHAPE_M_0428eb3156d8464293f28b8bf90721dc_Shape"/>
          <p:cNvSpPr/>
          <p:nvPr>
            <p:custDataLst>
              <p:tags r:id="rId18"/>
            </p:custDataLst>
          </p:nvPr>
        </p:nvSpPr>
        <p:spPr>
          <a:xfrm>
            <a:off x="6734974" y="3552825"/>
            <a:ext cx="114300" cy="13335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tx1"/>
              </a:solidFill>
            </a:endParaRPr>
          </a:p>
        </p:txBody>
      </p:sp>
      <p:sp>
        <p:nvSpPr>
          <p:cNvPr id="2056" name="OTLSHAPE_M_a72a1e83f4234f9b9f77a15d2313e6dc_Shape"/>
          <p:cNvSpPr/>
          <p:nvPr>
            <p:custDataLst>
              <p:tags r:id="rId19"/>
            </p:custDataLst>
          </p:nvPr>
        </p:nvSpPr>
        <p:spPr>
          <a:xfrm>
            <a:off x="7727166" y="3552825"/>
            <a:ext cx="114300" cy="13335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tx1"/>
              </a:solidFill>
            </a:endParaRPr>
          </a:p>
        </p:txBody>
      </p:sp>
      <p:sp>
        <p:nvSpPr>
          <p:cNvPr id="67" name="OTLSHAPE_M_0428eb3156d8464293f28b8bf90721dc_Title">
            <a:extLst>
              <a:ext uri="{FF2B5EF4-FFF2-40B4-BE49-F238E27FC236}">
                <a16:creationId xmlns:a16="http://schemas.microsoft.com/office/drawing/2014/main" id="{5AD1A6AE-3A99-5443-ADBC-4069B475FFA5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2743200" y="326310"/>
            <a:ext cx="312420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600" spc="-5" dirty="0">
                <a:solidFill>
                  <a:schemeClr val="dk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d of federal manufacturing tax incentives starts 10-year economic downturn</a:t>
            </a:r>
          </a:p>
        </p:txBody>
      </p:sp>
      <p:cxnSp>
        <p:nvCxnSpPr>
          <p:cNvPr id="70" name="OTLSHAPE_M_ec5e68d2461e44b1a67a2fae5dcbaa0f_Connector2">
            <a:extLst>
              <a:ext uri="{FF2B5EF4-FFF2-40B4-BE49-F238E27FC236}">
                <a16:creationId xmlns:a16="http://schemas.microsoft.com/office/drawing/2014/main" id="{A7699C83-921C-154D-A2BB-8D22EB5AB81D}"/>
              </a:ext>
            </a:extLst>
          </p:cNvPr>
          <p:cNvCxnSpPr>
            <a:cxnSpLocks/>
          </p:cNvCxnSpPr>
          <p:nvPr>
            <p:custDataLst>
              <p:tags r:id="rId21"/>
            </p:custDataLst>
          </p:nvPr>
        </p:nvCxnSpPr>
        <p:spPr>
          <a:xfrm>
            <a:off x="6792124" y="2847508"/>
            <a:ext cx="0" cy="708048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OTLSHAPE_TB_00000000000000000000000000000000_TimescaleInterval6">
            <a:extLst>
              <a:ext uri="{FF2B5EF4-FFF2-40B4-BE49-F238E27FC236}">
                <a16:creationId xmlns:a16="http://schemas.microsoft.com/office/drawing/2014/main" id="{B6DF3A75-BE52-A24A-BA1E-62AF77E9625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666495" y="3663512"/>
            <a:ext cx="235642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b="1" spc="-15" dirty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75" name="OTLSHAPE_M_0428eb3156d8464293f28b8bf90721dc_Title">
            <a:extLst>
              <a:ext uri="{FF2B5EF4-FFF2-40B4-BE49-F238E27FC236}">
                <a16:creationId xmlns:a16="http://schemas.microsoft.com/office/drawing/2014/main" id="{EB00AA3A-B976-8443-A6A9-FFF52742889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788986" y="323053"/>
            <a:ext cx="2212768" cy="12311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600" spc="-5" dirty="0">
                <a:solidFill>
                  <a:schemeClr val="dk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OMESA applies highest state sales tax in nation (11.5%) to repay hedge fund creditors</a:t>
            </a:r>
          </a:p>
        </p:txBody>
      </p:sp>
      <p:cxnSp>
        <p:nvCxnSpPr>
          <p:cNvPr id="76" name="OTLSHAPE_M_ec5e68d2461e44b1a67a2fae5dcbaa0f_Connector2">
            <a:extLst>
              <a:ext uri="{FF2B5EF4-FFF2-40B4-BE49-F238E27FC236}">
                <a16:creationId xmlns:a16="http://schemas.microsoft.com/office/drawing/2014/main" id="{94335843-C163-164F-B836-604D1956D228}"/>
              </a:ext>
            </a:extLst>
          </p:cNvPr>
          <p:cNvCxnSpPr>
            <a:cxnSpLocks/>
          </p:cNvCxnSpPr>
          <p:nvPr>
            <p:custDataLst>
              <p:tags r:id="rId24"/>
            </p:custDataLst>
          </p:nvPr>
        </p:nvCxnSpPr>
        <p:spPr>
          <a:xfrm>
            <a:off x="7783834" y="1504950"/>
            <a:ext cx="0" cy="204787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B_00000000000000000000000000000000_TimescaleInterval5">
            <a:extLst>
              <a:ext uri="{FF2B5EF4-FFF2-40B4-BE49-F238E27FC236}">
                <a16:creationId xmlns:a16="http://schemas.microsoft.com/office/drawing/2014/main" id="{DA6C2994-8D14-C645-BFA4-3401B926C3E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046041" y="3726927"/>
            <a:ext cx="137105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1940s</a:t>
            </a:r>
          </a:p>
        </p:txBody>
      </p:sp>
      <p:sp>
        <p:nvSpPr>
          <p:cNvPr id="81" name="TextBox 80">
            <a:extLst>
              <a:ext uri="{FF2B5EF4-FFF2-40B4-BE49-F238E27FC236}">
                <a16:creationId xmlns:a16="http://schemas.microsoft.com/office/drawing/2014/main" id="{45CE5586-9A75-7F4E-82D0-4A0CE4CCD3E8}"/>
              </a:ext>
            </a:extLst>
          </p:cNvPr>
          <p:cNvSpPr txBox="1"/>
          <p:nvPr/>
        </p:nvSpPr>
        <p:spPr>
          <a:xfrm>
            <a:off x="3048889" y="4519758"/>
            <a:ext cx="304622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+mj-lt"/>
              </a:rPr>
              <a:t>☹️ COLONIALIS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89993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797DAA65-6B97-AC40-B483-9FFEC9C8CDF7}"/>
              </a:ext>
            </a:extLst>
          </p:cNvPr>
          <p:cNvSpPr txBox="1"/>
          <p:nvPr/>
        </p:nvSpPr>
        <p:spPr>
          <a:xfrm>
            <a:off x="2647178" y="4520236"/>
            <a:ext cx="38496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</a:rPr>
              <a:t>☹️ </a:t>
            </a:r>
            <a:r>
              <a:rPr lang="en-US" sz="3200" dirty="0">
                <a:solidFill>
                  <a:schemeClr val="bg1"/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PRIVATIZATION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28E262A-FF1B-8247-86AC-7ACFA8EB5A1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200" y="1200150"/>
            <a:ext cx="2540000" cy="2540000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EF0D254B-34E2-4047-B98C-F0E3E03E9C76}"/>
              </a:ext>
            </a:extLst>
          </p:cNvPr>
          <p:cNvSpPr txBox="1"/>
          <p:nvPr/>
        </p:nvSpPr>
        <p:spPr>
          <a:xfrm>
            <a:off x="3304789" y="458543"/>
            <a:ext cx="253442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ccountability?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D1255E3-B8E2-B048-9080-08980DE265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95800" y="1103057"/>
            <a:ext cx="3847906" cy="2734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398752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>
            <a:extLst>
              <a:ext uri="{FF2B5EF4-FFF2-40B4-BE49-F238E27FC236}">
                <a16:creationId xmlns:a16="http://schemas.microsoft.com/office/drawing/2014/main" id="{5A05213F-95AB-A046-8F5F-03B2A3E94A0A}"/>
              </a:ext>
            </a:extLst>
          </p:cNvPr>
          <p:cNvSpPr txBox="1"/>
          <p:nvPr/>
        </p:nvSpPr>
        <p:spPr>
          <a:xfrm>
            <a:off x="889686" y="48768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7211C4A-8EEB-D441-B296-FD8C5B7A34AB}"/>
              </a:ext>
            </a:extLst>
          </p:cNvPr>
          <p:cNvSpPr txBox="1"/>
          <p:nvPr/>
        </p:nvSpPr>
        <p:spPr>
          <a:xfrm>
            <a:off x="3224084" y="4526537"/>
            <a:ext cx="2667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😄 SCALE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62C955D-F3E8-0645-800F-0DB37B80966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953643"/>
            <a:ext cx="4221865" cy="316639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207D4972-6722-6849-A90F-E8F104BEC42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4400" y="971550"/>
            <a:ext cx="4197989" cy="3148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09964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>
            <a:extLst>
              <a:ext uri="{FF2B5EF4-FFF2-40B4-BE49-F238E27FC236}">
                <a16:creationId xmlns:a16="http://schemas.microsoft.com/office/drawing/2014/main" id="{5A05213F-95AB-A046-8F5F-03B2A3E94A0A}"/>
              </a:ext>
            </a:extLst>
          </p:cNvPr>
          <p:cNvSpPr txBox="1"/>
          <p:nvPr/>
        </p:nvSpPr>
        <p:spPr>
          <a:xfrm>
            <a:off x="889686" y="48768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7211C4A-8EEB-D441-B296-FD8C5B7A34AB}"/>
              </a:ext>
            </a:extLst>
          </p:cNvPr>
          <p:cNvSpPr txBox="1"/>
          <p:nvPr/>
        </p:nvSpPr>
        <p:spPr>
          <a:xfrm>
            <a:off x="3224084" y="4526537"/>
            <a:ext cx="2667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😄 SCAL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6FB5467-9B24-B54C-8CC6-5DEC6AC5D8D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4399" y="984030"/>
            <a:ext cx="4191001" cy="314325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C31898C1-0C9D-F14F-ADB8-7351D59886C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971550"/>
            <a:ext cx="4207642" cy="31557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460304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FEB5251-898A-1C4C-8585-1403B20E6ECC}"/>
              </a:ext>
            </a:extLst>
          </p:cNvPr>
          <p:cNvSpPr txBox="1"/>
          <p:nvPr/>
        </p:nvSpPr>
        <p:spPr>
          <a:xfrm>
            <a:off x="2514600" y="353850"/>
            <a:ext cx="64770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mmunity Ownership Increases Local Benefit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A05213F-95AB-A046-8F5F-03B2A3E94A0A}"/>
              </a:ext>
            </a:extLst>
          </p:cNvPr>
          <p:cNvSpPr txBox="1"/>
          <p:nvPr/>
        </p:nvSpPr>
        <p:spPr>
          <a:xfrm>
            <a:off x="889686" y="48768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89B3DEE-B103-844F-AC38-8808DEB4BCEA}"/>
              </a:ext>
            </a:extLst>
          </p:cNvPr>
          <p:cNvSpPr txBox="1"/>
          <p:nvPr/>
        </p:nvSpPr>
        <p:spPr>
          <a:xfrm>
            <a:off x="762000" y="1611427"/>
            <a:ext cx="3429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obs by Project Ownership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B6CE2FA-6086-834A-AEDB-53B42E400BC3}"/>
              </a:ext>
            </a:extLst>
          </p:cNvPr>
          <p:cNvSpPr txBox="1"/>
          <p:nvPr/>
        </p:nvSpPr>
        <p:spPr>
          <a:xfrm>
            <a:off x="4267200" y="1602887"/>
            <a:ext cx="4724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conomic Impact by Project Ownership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7E9DD345-A148-B841-A602-7361D7D549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5485" y="2038350"/>
            <a:ext cx="3872709" cy="1780928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178A0093-23FE-E849-AB22-C6EABD0B506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18194" y="2038350"/>
            <a:ext cx="4973406" cy="1780928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A7211C4A-8EEB-D441-B296-FD8C5B7A34AB}"/>
              </a:ext>
            </a:extLst>
          </p:cNvPr>
          <p:cNvSpPr txBox="1"/>
          <p:nvPr/>
        </p:nvSpPr>
        <p:spPr>
          <a:xfrm>
            <a:off x="2907442" y="4526537"/>
            <a:ext cx="332911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😄 OWNERSHIP</a:t>
            </a:r>
          </a:p>
        </p:txBody>
      </p:sp>
    </p:spTree>
    <p:extLst>
      <p:ext uri="{BB962C8B-B14F-4D97-AF65-F5344CB8AC3E}">
        <p14:creationId xmlns:p14="http://schemas.microsoft.com/office/powerpoint/2010/main" val="19176265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FEB5251-898A-1C4C-8585-1403B20E6ECC}"/>
              </a:ext>
            </a:extLst>
          </p:cNvPr>
          <p:cNvSpPr txBox="1"/>
          <p:nvPr/>
        </p:nvSpPr>
        <p:spPr>
          <a:xfrm>
            <a:off x="2057400" y="353850"/>
            <a:ext cx="63719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mmunity Ownership Increases Local Benefits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A05213F-95AB-A046-8F5F-03B2A3E94A0A}"/>
              </a:ext>
            </a:extLst>
          </p:cNvPr>
          <p:cNvSpPr txBox="1"/>
          <p:nvPr/>
        </p:nvSpPr>
        <p:spPr>
          <a:xfrm>
            <a:off x="889686" y="48768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7211C4A-8EEB-D441-B296-FD8C5B7A34AB}"/>
              </a:ext>
            </a:extLst>
          </p:cNvPr>
          <p:cNvSpPr txBox="1"/>
          <p:nvPr/>
        </p:nvSpPr>
        <p:spPr>
          <a:xfrm>
            <a:off x="2907442" y="4526537"/>
            <a:ext cx="332911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dirty="0">
                <a:solidFill>
                  <a:schemeClr val="bg1"/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😄 OWNERSHIP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426C3EA-FEEF-4941-B41B-077850B673D6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665" y="916223"/>
            <a:ext cx="4546600" cy="340995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08A41F8-40B7-2246-9A36-CD2F82374F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428750"/>
            <a:ext cx="2133600" cy="2133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539857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0FEB5251-898A-1C4C-8585-1403B20E6ECC}"/>
              </a:ext>
            </a:extLst>
          </p:cNvPr>
          <p:cNvSpPr txBox="1"/>
          <p:nvPr/>
        </p:nvSpPr>
        <p:spPr>
          <a:xfrm>
            <a:off x="2514600" y="353850"/>
            <a:ext cx="591476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i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he rules must allow communities to choos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5A05213F-95AB-A046-8F5F-03B2A3E94A0A}"/>
              </a:ext>
            </a:extLst>
          </p:cNvPr>
          <p:cNvSpPr txBox="1"/>
          <p:nvPr/>
        </p:nvSpPr>
        <p:spPr>
          <a:xfrm>
            <a:off x="889686" y="4876800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19E765D-2BE1-2647-A5E4-75CC4FD8A0F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71" y="1200150"/>
            <a:ext cx="8001000" cy="266700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B2A4170-59E1-6747-BE38-C55D5F6D89AE}"/>
              </a:ext>
            </a:extLst>
          </p:cNvPr>
          <p:cNvSpPr txBox="1"/>
          <p:nvPr/>
        </p:nvSpPr>
        <p:spPr>
          <a:xfrm>
            <a:off x="4876800" y="3831624"/>
            <a:ext cx="16764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i="1" dirty="0" err="1">
                <a:solidFill>
                  <a:schemeClr val="tx1">
                    <a:lumMod val="50000"/>
                    <a:lumOff val="50000"/>
                  </a:schemeClr>
                </a:solidFill>
                <a:latin typeface="Helvetica Neue" panose="02000503000000020004" pitchFamily="2" charset="0"/>
                <a:ea typeface="Helvetica Neue" panose="02000503000000020004" pitchFamily="2" charset="0"/>
                <a:cs typeface="Helvetica Neue" panose="02000503000000020004" pitchFamily="2" charset="0"/>
              </a:rPr>
              <a:t>www.ilsr.org</a:t>
            </a:r>
            <a:endParaRPr lang="en-US" sz="2000" i="1" dirty="0">
              <a:solidFill>
                <a:schemeClr val="tx1">
                  <a:lumMod val="50000"/>
                  <a:lumOff val="50000"/>
                </a:schemeClr>
              </a:solidFill>
              <a:latin typeface="Helvetica Neue" panose="02000503000000020004" pitchFamily="2" charset="0"/>
              <a:ea typeface="Helvetica Neue" panose="02000503000000020004" pitchFamily="2" charset="0"/>
              <a:cs typeface="Helvetica Neue" panose="02000503000000020004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518839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xLjMiLCJPcmlnaW5hbEFzc2VtYmx5VmVyc2lvbiI6IjMuMDEuMDIuMDAiLCJFZGl0aW9uIjoiUGx1cyIsIklzUGx1c0VkaXRpb24iOnRydW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1NiwiQiI6Mj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jU1LCJSIjoyNTUsIkciOjI1NSwiQiI6MjU1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w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MiwiRm9udE5hbWUiOiJDYWxpYnJp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xLCJGb250TmFtZSI6IkNhbGlicmkiLCJJc0JvbGQiOnRydW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LWQteXl5eSIsIlNlcGFyYXRvciI6Ii0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1IiwiU2hhcGUiOjAsIlNoYXBlVGhpY2tuZXNzIjoyLCJEdXJhdGlvbkZvcm1hdCI6MCwiSW5jbHVkZU5vbldvcmtpbmdEYXlzSW5EdXJhdGlvbiI6dHJ1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0OS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Q5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E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yMi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NzIwLjAsIk1heEhlaWdodCI6IkluZmluaXR5IiwiU21hcnRGb3JlZ3JvdW5kSXNBY3RpdmUiOnRydWUsIkhvcml6b250YWxBbGlnbm1lbnQiOjE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NDk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Q5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0MiIsIkxpbmVDb2xvciI6bnVsbCwiTGluZVdlaWdodCI6MC4wLCJMaW5lVHlwZSI6MCwiUGFyZW50U3R5bGUiOm51bGx9LCJQYXJlbnRTdHlsZSI6eyIkcmVmIjoiNzAifX0sIkRhdGVTdHlsZSI6eyIkaWQiOiIxNDMiLCJGb250U2V0dGluZ3MiOnsiJGlkIjoiMTQ0IiwiRm9udFNpemUiOjEwLCJGb250TmFtZSI6IkNhbGlicmkiLCJJc0JvbGQiOmZhbHNlLCJJc0l0YWxpYyI6ZmFsc2UsIklzVW5kZXJsaW5lZCI6ZmFsc2UsIlBhcmVudFN0eWxlIjp7IiRyZWYiOiI3OCJ9fSwiQXV0b1NpemUiOjAsIkZvcmVncm91bmQiOnsiJGlkIjoiMTQ1IiwiQ29sb3IiOnsiJGlkIjoiMTQ2IiwiQSI6MjU1LCJSIjoyMzAsIkciOjcyLCJCIjozNX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TU5IiwiTGluZUNvbG9yIjpudWxsLCJMaW5lV2VpZ2h0IjowLjAsIkxpbmVUeXBlIjowLCJQYXJlbnRTdHlsZSI6bnVsbH0sIlBhcmVudFN0eWxlIjp7IiRyZWYiOiI3MCJ9fSwiRGF0ZVN0eWxlIjp7IiRpZCI6IjE2MCIsIkZvbnRTZXR0aW5ncyI6eyIkaWQiOiIxNjEiLCJGb250U2l6ZSI6MTAsIkZvbnROYW1lIjoiQ2FsaWJyaSIsIklzQm9sZCI6ZmFsc2UsIklzSXRhbGljIjpmYWxzZSwiSXNVbmRlcmxpbmVkIjpmYWxzZSwiUGFyZW50U3R5bGUiOnsiJHJlZiI6Ijc4In19LCJBdXRvU2l6ZSI6MCwiRm9yZWdyb3VuZCI6eyIkaWQiOiIxNjIiLCJDb2xvciI6eyIkaWQiOiIxNjMiLCJBIjoyNTUsIlIiOjE5NywiRyI6MTU1LCJCIjow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3NiIsIkxpbmVDb2xvciI6bnVsbCwiTGluZVdlaWdodCI6MC4wLCJMaW5lVHlwZSI6MCwiUGFyZW50U3R5bGUiOm51bGx9LCJQYXJlbnRTdHlsZSI6eyIkcmVmIjoiNzAifX0sIkRhdGVTdHlsZSI6eyIkaWQiOiIxNzciLCJGb250U2V0dGluZ3MiOnsiJGlkIjoiMTc4IiwiRm9udFNpemUiOjEwLCJGb250TmFtZSI6IkNhbGlicmkiLCJJc0JvbGQiOmZhbHNlLCJJc0l0YWxpYyI6ZmFsc2UsIklzVW5kZXJsaW5lZCI6ZmFsc2UsIlBhcmVudFN0eWxlIjp7IiRyZWYiOiI3OCJ9fSwiQXV0b1NpemUiOjAsIkZvcmVncm91bmQiOnsiJGlkIjoiMTc5IiwiQ29sb3IiOnsiJGlkIjoiMTgwIiwiQSI6MjU1LCJSIjoyNDgsIkciOjE0NywiQiI6Mjl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E5MyIsIkxpbmVDb2xvciI6bnVsbCwiTGluZVdlaWdodCI6MC4wLCJMaW5lVHlwZSI6MCwiUGFyZW50U3R5bGUiOm51bGx9LCJQYXJlbnRTdHlsZSI6eyIkcmVmIjoiNzAifX0sIkRhdGVTdHlsZSI6eyIkaWQiOiIxOTQiLCJGb250U2V0dGluZ3MiOnsiJGlkIjoiMTk1IiwiRm9udFNpemUiOjEwLCJGb250TmFtZSI6IkNhbGlicmkiLCJJc0JvbGQiOmZhbHNlLCJJc0l0YWxpYyI6ZmFsc2UsIklzVW5kZXJsaW5lZCI6ZmFsc2UsIlBhcmVudFN0eWxlIjp7IiRyZWYiOiI3OCJ9fSwiQXV0b1NpemUiOjAsIkZvcmVncm91bmQiOnsiJGlkIjoiMTk2IiwiQ29sb3IiOnsiJGlkIjoiMTk3IiwiQSI6MjU1LCJSIjoxNTYsIkciOjEwNiwiQiI6MTA2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TAiLCJMaW5lQ29sb3IiOm51bGwsIkxpbmVXZWlnaHQiOjAuMCwiTGluZVR5cGUiOjAsIlBhcmVudFN0eWxlIjpudWxsfSwiUGFyZW50U3R5bGUiOnsiJHJlZiI6IjcwIn19LCJEYXRlU3R5bGUiOnsiJGlkIjoiMjExIiwiRm9udFNldHRpbmdzIjp7IiRpZCI6IjIxMiIsIkZvbnRTaXplIjoxMCwiRm9udE5hbWUiOiJDYWxpYnJpIiwiSXNCb2xkIjpmYWxzZSwiSXNJdGFsaWMiOmZhbHNlLCJJc1VuZGVybGluZWQiOmZhbHNlLCJQYXJlbnRTdHlsZSI6eyIkcmVmIjoiNzgifX0sIkF1dG9TaXplIjowLCJGb3JlZ3JvdW5kIjp7IiRpZCI6IjIxMyIsIkNvbG9yIjp7IiRpZCI6IjIxNC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I3IiwiTGluZUNvbG9yIjpudWxsLCJMaW5lV2VpZ2h0IjowLjAsIkxpbmVUeXBlIjowLCJQYXJlbnRTdHlsZSI6bnVsbH0sIlBhcmVudFN0eWxlIjp7IiRyZWYiOiI3MCJ9fSwiRGF0ZVN0eWxlIjp7IiRpZCI6IjIyOCIsIkZvbnRTZXR0aW5ncyI6eyIkaWQiOiIyMjkiLCJGb250U2l6ZSI6MTAsIkZvbnROYW1lIjoiQ2FsaWJyaSIsIklzQm9sZCI6ZmFsc2UsIklzSXRhbGljIjpmYWxzZSwiSXNVbmRlcmxpbmVkIjpmYWxzZSwiUGFyZW50U3R5bGUiOnsiJHJlZiI6Ijc4In19LCJBdXRvU2l6ZSI6MCwiRm9yZWdyb3VuZCI6eyIkaWQiOiIyMzAiLCJDb2xvciI6eyIkaWQiOiIyMzEiLCJBIjoyNTUsIlIiOjIzMCwiRyI6NzIsIkIiOjM1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Q0IiwiTGluZUNvbG9yIjpudWxsLCJMaW5lV2VpZ2h0IjowLjAsIkxpbmVUeXBlIjowLCJQYXJlbnRTdHlsZSI6bnVsbH0sIlBhcmVudFN0eWxlIjp7IiRyZWYiOiI3MCJ9fSwiRGF0ZVN0eWxlIjp7IiRpZCI6IjI0NSIsIkZvbnRTZXR0aW5ncyI6eyIkaWQiOiIyNDYiLCJGb250U2l6ZSI6MTAsIkZvbnROYW1lIjoiQ2FsaWJyaSIsIklzQm9sZCI6ZmFsc2UsIklzSXRhbGljIjpmYWxzZSwiSXNVbmRlcmxpbmVkIjpmYWxzZSwiUGFyZW50U3R5bGUiOnsiJHJlZiI6Ijc4In19LCJBdXRvU2l6ZSI6MCwiRm9yZWdyb3VuZCI6eyIkaWQiOiIyNDciLCJDb2xvciI6eyIkaWQiOiIyNDg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NjEiLCJMaW5lQ29sb3IiOm51bGwsIkxpbmVXZWlnaHQiOjAuMCwiTGluZVR5cGUiOjAsIlBhcmVudFN0eWxlIjpudWxsfSwiUGFyZW50U3R5bGUiOnsiJHJlZiI6IjcwIn19LCJEYXRlU3R5bGUiOnsiJGlkIjoiMjYyIiwiRm9udFNldHRpbmdzIjp7IiRpZCI6IjI2MyIsIkZvbnRTaXplIjoxMCwiRm9udE5hbWUiOiJDYWxpYnJpIiwiSXNCb2xkIjpmYWxzZSwiSXNJdGFsaWMiOmZhbHNlLCJJc1VuZGVybGluZWQiOmZhbHNlLCJQYXJlbnRTdHlsZSI6eyIkcmVmIjoiNzgifX0sIkF1dG9TaXplIjowLCJGb3JlZ3JvdW5kIjp7IiRpZCI6IjI2NCIsIkNvbG9yIjp7IiRpZCI6IjI2NSIsIkEiOjI1NSwiUiI6NTcsIkciOjQ4LCJCIjo0M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c4IiwiTGluZUNvbG9yIjpudWxsLCJMaW5lV2VpZ2h0IjowLjAsIkxpbmVUeXBlIjowLCJQYXJlbnRTdHlsZSI6bnVsbH0sIlBhcmVudFN0eWxlIjp7IiRyZWYiOiI3MCJ9fSwiRGF0ZVN0eWxlIjp7IiRpZCI6IjI3OSIsIkZvbnRTZXR0aW5ncyI6eyIkaWQiOiIyODAiLCJGb250U2l6ZSI6MTAsIkZvbnROYW1lIjoiQ2FsaWJyaSIsIklzQm9sZCI6ZmFsc2UsIklzSXRhbGljIjpmYWxzZSwiSXNVbmRlcmxpbmVkIjpmYWxzZSwiUGFyZW50U3R5bGUiOnsiJHJlZiI6Ijc4In19LCJBdXRvU2l6ZSI6MCwiRm9yZWdyb3VuZCI6eyIkaWQiOiIyODEiLCJDb2xvciI6eyIkaWQiOiIyODIiLCJBIjoyNTUsIlIiOjE5NywiRyI6MTU1LCJCIjow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OTUiLCJMaW5lQ29sb3IiOm51bGwsIkxpbmVXZWlnaHQiOjAuMCwiTGluZVR5cGUiOjAsIlBhcmVudFN0eWxlIjpudWxsfSwiUGFyZW50U3R5bGUiOnsiJHJlZiI6IjcwIn19LCJEYXRlU3R5bGUiOnsiJGlkIjoiMjk2IiwiRm9udFNldHRpbmdzIjp7IiRpZCI6IjI5NyIsIkZvbnRTaXplIjoxMCwiRm9udE5hbWUiOiJDYWxpYnJpIiwiSXNCb2xkIjpmYWxzZSwiSXNJdGFsaWMiOmZhbHNlLCJJc1VuZGVybGluZWQiOmZhbHNlLCJQYXJlbnRTdHlsZSI6eyIkcmVmIjoiNzgifX0sIkF1dG9TaXplIjowLCJGb3JlZ3JvdW5kIjp7IiRpZCI6IjI5OCIsIkNvbG9yIjp7IiRpZCI6IjI5OSIsIkEiOjI1NSwiUiI6MjQ4LCJHIjoxNDcsIkIiOjI5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EyIiwiTGluZUNvbG9yIjpudWxsLCJMaW5lV2VpZ2h0IjowLjAsIkxpbmVUeXBlIjowLCJQYXJlbnRTdHlsZSI6bnVsbH0sIlBhcmVudFN0eWxlIjp7IiRyZWYiOiI3MCJ9fSwiRGF0ZVN0eWxlIjp7IiRpZCI6IjMxMyIsIkZvbnRTZXR0aW5ncyI6eyIkaWQiOiIzMTQiLCJGb250U2l6ZSI6MTAsIkZvbnROYW1lIjoiQ2FsaWJyaSIsIklzQm9sZCI6ZmFsc2UsIklzSXRhbGljIjpmYWxzZSwiSXNVbmRlcmxpbmVkIjpmYWxzZSwiUGFyZW50U3R5bGUiOnsiJHJlZiI6Ijc4In19LCJBdXRvU2l6ZSI6MCwiRm9yZWdyb3VuZCI6eyIkaWQiOiIzMTUiLCJDb2xvciI6eyIkaWQiOiIzMTYiLCJBIjoyNTUsIlIiOjE1NiwiRyI6MTA2LCJCIjoxMDZ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Q29uZmlndXJhdGlvbiI6eyIkaWQiOiIzMzk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03</TotalTime>
  <Words>119</Words>
  <Application>Microsoft Macintosh PowerPoint</Application>
  <PresentationFormat>On-screen Show (16:9)</PresentationFormat>
  <Paragraphs>30</Paragraphs>
  <Slides>8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8</vt:i4>
      </vt:variant>
    </vt:vector>
  </HeadingPairs>
  <TitlesOfParts>
    <vt:vector size="15" baseType="lpstr">
      <vt:lpstr>Arial</vt:lpstr>
      <vt:lpstr>Calibri</vt:lpstr>
      <vt:lpstr>Helvetica Neue</vt:lpstr>
      <vt:lpstr>Verdana</vt:lpstr>
      <vt:lpstr>Office Theme</vt:lpstr>
      <vt:lpstr>Custom Design</vt:lpstr>
      <vt:lpstr>1_Custom Desig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Sistema Universitario Ana G. Mendez</Company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mendezcaban</dc:creator>
  <cp:lastModifiedBy>Rosanna Torres</cp:lastModifiedBy>
  <cp:revision>22</cp:revision>
  <dcterms:created xsi:type="dcterms:W3CDTF">2019-03-07T18:22:48Z</dcterms:created>
  <dcterms:modified xsi:type="dcterms:W3CDTF">2019-03-19T18:22:43Z</dcterms:modified>
</cp:coreProperties>
</file>